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31F0D0F8-A72E-4567-89F3-63E2F8264B2C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3 小学校" sheetId="9" r:id="rId1"/>
  </sheets>
  <definedNames>
    <definedName name="_xlnm.Print_Area" localSheetId="0">'1-3 小学校'!$A$1:$M$29</definedName>
    <definedName name="_xlnm.Print_Titles" localSheetId="0">'1-3 小学校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67" uniqueCount="67">
  <si>
    <t>総数</t>
    <rPh sb="0" eb="2">
      <t>ソウスウ</t>
    </rPh>
    <phoneticPr fontId="2"/>
  </si>
  <si>
    <t>児童数</t>
    <rPh sb="0" eb="3">
      <t>ジドウスウ</t>
    </rPh>
    <phoneticPr fontId="2"/>
  </si>
  <si>
    <t>年次</t>
    <rPh sb="0" eb="2">
      <t>ネンジ</t>
    </rPh>
    <phoneticPr fontId="2"/>
  </si>
  <si>
    <t>教員</t>
    <rPh sb="0" eb="2">
      <t>キョウイン</t>
    </rPh>
    <phoneticPr fontId="2"/>
  </si>
  <si>
    <t>職員</t>
    <rPh sb="0" eb="2">
      <t>ショクイン</t>
    </rPh>
    <phoneticPr fontId="2"/>
  </si>
  <si>
    <t>学校数</t>
    <rPh sb="0" eb="3">
      <t>ガッコウスウ</t>
    </rPh>
    <phoneticPr fontId="2"/>
  </si>
  <si>
    <t>学級数</t>
    <rPh sb="0" eb="3">
      <t>ガッキュウスウ</t>
    </rPh>
    <phoneticPr fontId="2"/>
  </si>
  <si>
    <t>１学年</t>
    <rPh sb="1" eb="3">
      <t>ガクネン</t>
    </rPh>
    <phoneticPr fontId="2"/>
  </si>
  <si>
    <t>２学年</t>
    <rPh sb="1" eb="3">
      <t>ガクネン</t>
    </rPh>
    <phoneticPr fontId="2"/>
  </si>
  <si>
    <t>３学年</t>
    <rPh sb="1" eb="3">
      <t>ガクネン</t>
    </rPh>
    <phoneticPr fontId="2"/>
  </si>
  <si>
    <t>４学年</t>
    <rPh sb="1" eb="3">
      <t>ガクネン</t>
    </rPh>
    <phoneticPr fontId="2"/>
  </si>
  <si>
    <t>５学年</t>
    <rPh sb="1" eb="3">
      <t>ガクネン</t>
    </rPh>
    <phoneticPr fontId="2"/>
  </si>
  <si>
    <t>６学年</t>
    <rPh sb="1" eb="3">
      <t>ガクネン</t>
    </rPh>
    <phoneticPr fontId="2"/>
  </si>
  <si>
    <t>西暦</t>
    <rPh sb="0" eb="2">
      <t>セイレキ</t>
    </rPh>
    <phoneticPr fontId="2"/>
  </si>
  <si>
    <t>和暦</t>
    <rPh sb="0" eb="2">
      <t>ワレキ</t>
    </rPh>
    <phoneticPr fontId="4"/>
  </si>
  <si>
    <t>１９９８年</t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１９９９年</t>
    <rPh sb="0" eb="5">
      <t>１９９９ネン</t>
    </rPh>
    <phoneticPr fontId="2"/>
  </si>
  <si>
    <t>平成１１年</t>
    <rPh sb="0" eb="2">
      <t>ｈ</t>
    </rPh>
    <rPh sb="4" eb="5">
      <t>ネン</t>
    </rPh>
    <phoneticPr fontId="2"/>
  </si>
  <si>
    <t>２０００年</t>
    <rPh sb="0" eb="5">
      <t>２０００ネン</t>
    </rPh>
    <phoneticPr fontId="2"/>
  </si>
  <si>
    <t>平成１２年</t>
    <rPh sb="0" eb="2">
      <t>ｈ</t>
    </rPh>
    <rPh sb="4" eb="5">
      <t>ネン</t>
    </rPh>
    <phoneticPr fontId="2"/>
  </si>
  <si>
    <t>２００１年</t>
    <rPh sb="0" eb="5">
      <t>２００１ネン</t>
    </rPh>
    <phoneticPr fontId="2"/>
  </si>
  <si>
    <t>平成１３年</t>
    <rPh sb="0" eb="2">
      <t>ｈ</t>
    </rPh>
    <rPh sb="4" eb="5">
      <t>ネン</t>
    </rPh>
    <phoneticPr fontId="2"/>
  </si>
  <si>
    <t>２００２年</t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２００３年</t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２００４年</t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２００５年</t>
    <rPh sb="4" eb="5">
      <t>ネン</t>
    </rPh>
    <phoneticPr fontId="2"/>
  </si>
  <si>
    <t>平成１７年</t>
    <rPh sb="0" eb="2">
      <t>ｈ</t>
    </rPh>
    <rPh sb="4" eb="5">
      <t>ネン</t>
    </rPh>
    <phoneticPr fontId="2"/>
  </si>
  <si>
    <t>２００６年</t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２００７年</t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２００８年</t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２００９年</t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２０１０年</t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２０１１年</t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２０１２年</t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２０１３年</t>
    <rPh sb="4" eb="5">
      <t>ネン</t>
    </rPh>
    <phoneticPr fontId="2"/>
  </si>
  <si>
    <t>平成２５年</t>
    <rPh sb="0" eb="2">
      <t>ｈ</t>
    </rPh>
    <rPh sb="4" eb="5">
      <t>ネ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１９９７年</t>
    <rPh sb="0" eb="5">
      <t>１９９９ネン</t>
    </rPh>
    <phoneticPr fontId="2"/>
  </si>
  <si>
    <t>平成９年</t>
    <rPh sb="0" eb="2">
      <t>ｈ</t>
    </rPh>
    <rPh sb="3" eb="4">
      <t>ネン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２０２０年</t>
    <rPh sb="4" eb="5">
      <t>ネン</t>
    </rPh>
    <phoneticPr fontId="2"/>
  </si>
  <si>
    <t>令和２年</t>
    <rPh sb="0" eb="2">
      <t>レイワ</t>
    </rPh>
    <rPh sb="3" eb="4">
      <t>ネン</t>
    </rPh>
    <phoneticPr fontId="2"/>
  </si>
  <si>
    <t>２０２１年</t>
    <rPh sb="4" eb="5">
      <t>ネン</t>
    </rPh>
    <phoneticPr fontId="2"/>
  </si>
  <si>
    <t>令和３年</t>
    <rPh sb="0" eb="2">
      <t>レイワ</t>
    </rPh>
    <rPh sb="3" eb="4">
      <t>ネン</t>
    </rPh>
    <phoneticPr fontId="2"/>
  </si>
  <si>
    <t>２０２２年</t>
    <rPh sb="4" eb="5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0">
    <xf numFmtId="0" fontId="0" fillId="0" borderId="0" xfId="0"/>
    <xf numFmtId="0" fontId="0" fillId="0" borderId="0" xfId="0" applyAlignment="1">
      <alignment horizontal="right"/>
    </xf>
    <xf numFmtId="0" fontId="3" fillId="0" borderId="6" xfId="0" applyFont="1" applyBorder="1" applyAlignment="1">
      <alignment horizontal="right" vertical="center" shrinkToFit="1"/>
    </xf>
    <xf numFmtId="0" fontId="0" fillId="0" borderId="14" xfId="0" applyBorder="1" applyAlignment="1">
      <alignment horizontal="center" vertical="center" justifyLastLine="1"/>
    </xf>
    <xf numFmtId="0" fontId="0" fillId="0" borderId="15" xfId="0" applyBorder="1" applyAlignment="1">
      <alignment horizontal="center" vertical="center" justifyLastLine="1"/>
    </xf>
    <xf numFmtId="0" fontId="3" fillId="0" borderId="17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right" vertical="center" shrinkToFit="1"/>
    </xf>
    <xf numFmtId="0" fontId="0" fillId="0" borderId="18" xfId="0" applyBorder="1" applyAlignment="1">
      <alignment horizontal="center" vertical="center" justifyLastLine="1"/>
    </xf>
    <xf numFmtId="0" fontId="3" fillId="0" borderId="19" xfId="0" applyFont="1" applyBorder="1" applyAlignment="1">
      <alignment horizontal="right" vertical="center" shrinkToFit="1"/>
    </xf>
    <xf numFmtId="0" fontId="3" fillId="0" borderId="20" xfId="0" applyFont="1" applyBorder="1" applyAlignment="1">
      <alignment horizontal="right" vertical="center" shrinkToFit="1"/>
    </xf>
    <xf numFmtId="38" fontId="0" fillId="0" borderId="21" xfId="1" applyFont="1" applyBorder="1" applyAlignment="1">
      <alignment horizontal="right" vertical="center"/>
    </xf>
    <xf numFmtId="38" fontId="0" fillId="0" borderId="22" xfId="1" applyFont="1" applyBorder="1" applyAlignment="1">
      <alignment horizontal="right" vertical="center"/>
    </xf>
    <xf numFmtId="38" fontId="0" fillId="0" borderId="23" xfId="1" applyFont="1" applyBorder="1" applyAlignment="1">
      <alignment horizontal="right" vertical="center"/>
    </xf>
    <xf numFmtId="38" fontId="0" fillId="0" borderId="24" xfId="1" applyFont="1" applyBorder="1" applyAlignment="1">
      <alignment horizontal="right" vertical="center"/>
    </xf>
    <xf numFmtId="38" fontId="0" fillId="0" borderId="25" xfId="1" applyFont="1" applyBorder="1" applyAlignment="1">
      <alignment horizontal="right" vertical="center"/>
    </xf>
    <xf numFmtId="38" fontId="0" fillId="0" borderId="1" xfId="1" applyFont="1" applyBorder="1" applyAlignment="1">
      <alignment horizontal="right" vertical="center"/>
    </xf>
    <xf numFmtId="38" fontId="0" fillId="0" borderId="7" xfId="1" applyFont="1" applyBorder="1" applyAlignment="1">
      <alignment horizontal="right" vertical="center"/>
    </xf>
    <xf numFmtId="38" fontId="0" fillId="0" borderId="8" xfId="1" applyFont="1" applyBorder="1" applyAlignment="1">
      <alignment horizontal="right" vertical="center"/>
    </xf>
    <xf numFmtId="38" fontId="0" fillId="0" borderId="9" xfId="1" applyFont="1" applyBorder="1" applyAlignment="1">
      <alignment horizontal="right" vertical="center"/>
    </xf>
    <xf numFmtId="38" fontId="0" fillId="0" borderId="2" xfId="1" applyFont="1" applyBorder="1" applyAlignment="1">
      <alignment horizontal="right" vertical="center"/>
    </xf>
    <xf numFmtId="38" fontId="0" fillId="0" borderId="13" xfId="1" applyFont="1" applyBorder="1" applyAlignment="1">
      <alignment horizontal="right" vertical="center"/>
    </xf>
    <xf numFmtId="38" fontId="0" fillId="0" borderId="5" xfId="1" applyFont="1" applyBorder="1" applyAlignment="1">
      <alignment horizontal="right" vertical="center"/>
    </xf>
    <xf numFmtId="38" fontId="0" fillId="0" borderId="11" xfId="1" applyFont="1" applyBorder="1" applyAlignment="1">
      <alignment horizontal="right" vertical="center"/>
    </xf>
    <xf numFmtId="38" fontId="1" fillId="0" borderId="7" xfId="1" applyFont="1" applyBorder="1" applyAlignment="1">
      <alignment horizontal="right" vertical="center"/>
    </xf>
    <xf numFmtId="38" fontId="0" fillId="0" borderId="12" xfId="1" applyFont="1" applyBorder="1" applyAlignment="1">
      <alignment horizontal="right" vertical="center"/>
    </xf>
    <xf numFmtId="38" fontId="1" fillId="0" borderId="32" xfId="1" applyFont="1" applyBorder="1" applyAlignment="1">
      <alignment horizontal="right" vertical="center"/>
    </xf>
    <xf numFmtId="38" fontId="0" fillId="0" borderId="10" xfId="1" applyFont="1" applyBorder="1" applyAlignment="1">
      <alignment horizontal="right" vertical="center"/>
    </xf>
    <xf numFmtId="0" fontId="3" fillId="0" borderId="33" xfId="0" applyFont="1" applyBorder="1" applyAlignment="1">
      <alignment horizontal="right" vertical="center" shrinkToFit="1"/>
    </xf>
    <xf numFmtId="0" fontId="3" fillId="0" borderId="12" xfId="0" applyFont="1" applyBorder="1" applyAlignment="1">
      <alignment horizontal="right" vertical="center" shrinkToFit="1"/>
    </xf>
    <xf numFmtId="38" fontId="1" fillId="0" borderId="34" xfId="1" applyFont="1" applyBorder="1" applyAlignment="1">
      <alignment horizontal="right" vertical="center"/>
    </xf>
    <xf numFmtId="38" fontId="0" fillId="0" borderId="35" xfId="1" applyFont="1" applyBorder="1" applyAlignment="1">
      <alignment horizontal="right" vertical="center"/>
    </xf>
    <xf numFmtId="0" fontId="0" fillId="0" borderId="31" xfId="0" applyBorder="1" applyAlignment="1">
      <alignment horizontal="center" vertical="center" justifyLastLine="1"/>
    </xf>
    <xf numFmtId="0" fontId="0" fillId="0" borderId="4" xfId="0" applyBorder="1" applyAlignment="1">
      <alignment horizontal="center" vertical="center" justifyLastLine="1"/>
    </xf>
    <xf numFmtId="0" fontId="0" fillId="0" borderId="26" xfId="0" applyBorder="1" applyAlignment="1">
      <alignment horizontal="center" vertical="center" justifyLastLine="1"/>
    </xf>
    <xf numFmtId="0" fontId="0" fillId="0" borderId="27" xfId="0" applyBorder="1" applyAlignment="1">
      <alignment horizontal="center" vertical="center" justifyLastLine="1"/>
    </xf>
    <xf numFmtId="0" fontId="0" fillId="0" borderId="3" xfId="0" applyBorder="1" applyAlignment="1">
      <alignment horizontal="center" vertical="center" justifyLastLine="1"/>
    </xf>
    <xf numFmtId="0" fontId="0" fillId="0" borderId="28" xfId="0" applyBorder="1" applyAlignment="1">
      <alignment horizontal="center" vertical="center" justifyLastLine="1"/>
    </xf>
    <xf numFmtId="0" fontId="0" fillId="0" borderId="29" xfId="0" applyBorder="1" applyAlignment="1">
      <alignment horizontal="center" vertical="center" justifyLastLine="1"/>
    </xf>
    <xf numFmtId="0" fontId="0" fillId="0" borderId="30" xfId="0" applyBorder="1" applyAlignment="1">
      <alignment horizontal="center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0"/>
  </sheetPr>
  <dimension ref="A1:M31"/>
  <sheetViews>
    <sheetView tabSelected="1" view="pageBreakPreview" topLeftCell="A19" zoomScale="145" zoomScaleNormal="100" zoomScaleSheetLayoutView="145" workbookViewId="0">
      <selection activeCell="M31" sqref="M31"/>
    </sheetView>
  </sheetViews>
  <sheetFormatPr defaultRowHeight="13.2" x14ac:dyDescent="0.2"/>
  <cols>
    <col min="1" max="1" width="8.6640625" customWidth="1"/>
    <col min="2" max="2" width="11" customWidth="1"/>
    <col min="3" max="3" width="6.44140625" style="1" customWidth="1"/>
    <col min="4" max="4" width="7" style="1" customWidth="1"/>
    <col min="5" max="5" width="8.44140625" style="1" bestFit="1" customWidth="1"/>
    <col min="6" max="13" width="6.33203125" style="1" customWidth="1"/>
  </cols>
  <sheetData>
    <row r="1" spans="1:13" ht="20.100000000000001" customHeight="1" x14ac:dyDescent="0.2">
      <c r="A1" s="34" t="s">
        <v>2</v>
      </c>
      <c r="B1" s="35"/>
      <c r="C1" s="35" t="s">
        <v>5</v>
      </c>
      <c r="D1" s="35" t="s">
        <v>6</v>
      </c>
      <c r="E1" s="37" t="s">
        <v>1</v>
      </c>
      <c r="F1" s="38"/>
      <c r="G1" s="38"/>
      <c r="H1" s="38"/>
      <c r="I1" s="38"/>
      <c r="J1" s="38"/>
      <c r="K1" s="39"/>
      <c r="L1" s="35" t="s">
        <v>3</v>
      </c>
      <c r="M1" s="32" t="s">
        <v>4</v>
      </c>
    </row>
    <row r="2" spans="1:13" ht="20.100000000000001" customHeight="1" x14ac:dyDescent="0.2">
      <c r="A2" s="5" t="s">
        <v>13</v>
      </c>
      <c r="B2" s="6" t="s">
        <v>14</v>
      </c>
      <c r="C2" s="36"/>
      <c r="D2" s="36"/>
      <c r="E2" s="3" t="s">
        <v>0</v>
      </c>
      <c r="F2" s="4" t="s">
        <v>7</v>
      </c>
      <c r="G2" s="4" t="s">
        <v>8</v>
      </c>
      <c r="H2" s="4" t="s">
        <v>9</v>
      </c>
      <c r="I2" s="4" t="s">
        <v>10</v>
      </c>
      <c r="J2" s="4" t="s">
        <v>11</v>
      </c>
      <c r="K2" s="8" t="s">
        <v>12</v>
      </c>
      <c r="L2" s="36"/>
      <c r="M2" s="33"/>
    </row>
    <row r="3" spans="1:13" ht="20.100000000000001" customHeight="1" x14ac:dyDescent="0.2">
      <c r="A3" s="9" t="s">
        <v>51</v>
      </c>
      <c r="B3" s="10" t="s">
        <v>52</v>
      </c>
      <c r="C3" s="11">
        <v>9</v>
      </c>
      <c r="D3" s="11">
        <v>128</v>
      </c>
      <c r="E3" s="12">
        <v>3707</v>
      </c>
      <c r="F3" s="13">
        <v>491</v>
      </c>
      <c r="G3" s="13">
        <v>569</v>
      </c>
      <c r="H3" s="13">
        <v>572</v>
      </c>
      <c r="I3" s="13">
        <v>634</v>
      </c>
      <c r="J3" s="13">
        <v>704</v>
      </c>
      <c r="K3" s="14">
        <v>737</v>
      </c>
      <c r="L3" s="11">
        <v>186</v>
      </c>
      <c r="M3" s="15">
        <v>31</v>
      </c>
    </row>
    <row r="4" spans="1:13" ht="20.100000000000001" customHeight="1" x14ac:dyDescent="0.2">
      <c r="A4" s="2" t="s">
        <v>15</v>
      </c>
      <c r="B4" s="7" t="s">
        <v>16</v>
      </c>
      <c r="C4" s="16">
        <v>9</v>
      </c>
      <c r="D4" s="16">
        <v>124</v>
      </c>
      <c r="E4" s="17">
        <v>3568</v>
      </c>
      <c r="F4" s="18">
        <v>558</v>
      </c>
      <c r="G4" s="18">
        <v>490</v>
      </c>
      <c r="H4" s="18">
        <v>582</v>
      </c>
      <c r="I4" s="18">
        <v>583</v>
      </c>
      <c r="J4" s="18">
        <v>644</v>
      </c>
      <c r="K4" s="19">
        <v>711</v>
      </c>
      <c r="L4" s="16">
        <v>182</v>
      </c>
      <c r="M4" s="20">
        <v>31</v>
      </c>
    </row>
    <row r="5" spans="1:13" ht="20.100000000000001" customHeight="1" x14ac:dyDescent="0.2">
      <c r="A5" s="2" t="s">
        <v>17</v>
      </c>
      <c r="B5" s="7" t="s">
        <v>18</v>
      </c>
      <c r="C5" s="16">
        <v>9</v>
      </c>
      <c r="D5" s="16">
        <v>119</v>
      </c>
      <c r="E5" s="17">
        <v>3478</v>
      </c>
      <c r="F5" s="18">
        <v>560</v>
      </c>
      <c r="G5" s="18">
        <v>565</v>
      </c>
      <c r="H5" s="18">
        <v>504</v>
      </c>
      <c r="I5" s="18">
        <v>589</v>
      </c>
      <c r="J5" s="18">
        <v>598</v>
      </c>
      <c r="K5" s="19">
        <v>662</v>
      </c>
      <c r="L5" s="16">
        <v>174</v>
      </c>
      <c r="M5" s="20">
        <v>30</v>
      </c>
    </row>
    <row r="6" spans="1:13" ht="20.100000000000001" customHeight="1" x14ac:dyDescent="0.2">
      <c r="A6" s="2" t="s">
        <v>19</v>
      </c>
      <c r="B6" s="7" t="s">
        <v>20</v>
      </c>
      <c r="C6" s="16">
        <v>9</v>
      </c>
      <c r="D6" s="16">
        <v>118</v>
      </c>
      <c r="E6" s="17">
        <v>3362</v>
      </c>
      <c r="F6" s="18">
        <v>502</v>
      </c>
      <c r="G6" s="18">
        <v>580</v>
      </c>
      <c r="H6" s="18">
        <v>575</v>
      </c>
      <c r="I6" s="18">
        <v>517</v>
      </c>
      <c r="J6" s="18">
        <v>584</v>
      </c>
      <c r="K6" s="19">
        <v>604</v>
      </c>
      <c r="L6" s="16">
        <v>165</v>
      </c>
      <c r="M6" s="20">
        <v>32</v>
      </c>
    </row>
    <row r="7" spans="1:13" ht="20.100000000000001" customHeight="1" x14ac:dyDescent="0.2">
      <c r="A7" s="2" t="s">
        <v>21</v>
      </c>
      <c r="B7" s="7" t="s">
        <v>22</v>
      </c>
      <c r="C7" s="16">
        <v>9</v>
      </c>
      <c r="D7" s="16">
        <v>115</v>
      </c>
      <c r="E7" s="17">
        <v>3328</v>
      </c>
      <c r="F7" s="18">
        <v>562</v>
      </c>
      <c r="G7" s="18">
        <v>513</v>
      </c>
      <c r="H7" s="18">
        <v>584</v>
      </c>
      <c r="I7" s="18">
        <v>560</v>
      </c>
      <c r="J7" s="18">
        <v>521</v>
      </c>
      <c r="K7" s="19">
        <v>588</v>
      </c>
      <c r="L7" s="16">
        <v>164</v>
      </c>
      <c r="M7" s="20">
        <v>33</v>
      </c>
    </row>
    <row r="8" spans="1:13" ht="20.100000000000001" customHeight="1" x14ac:dyDescent="0.2">
      <c r="A8" s="2" t="s">
        <v>23</v>
      </c>
      <c r="B8" s="7" t="s">
        <v>24</v>
      </c>
      <c r="C8" s="16">
        <v>9</v>
      </c>
      <c r="D8" s="16">
        <v>116</v>
      </c>
      <c r="E8" s="17">
        <v>3248</v>
      </c>
      <c r="F8" s="18">
        <v>482</v>
      </c>
      <c r="G8" s="18">
        <v>568</v>
      </c>
      <c r="H8" s="18">
        <v>515</v>
      </c>
      <c r="I8" s="18">
        <v>591</v>
      </c>
      <c r="J8" s="18">
        <v>571</v>
      </c>
      <c r="K8" s="19">
        <v>521</v>
      </c>
      <c r="L8" s="16">
        <v>169</v>
      </c>
      <c r="M8" s="20">
        <v>35</v>
      </c>
    </row>
    <row r="9" spans="1:13" ht="20.100000000000001" customHeight="1" x14ac:dyDescent="0.2">
      <c r="A9" s="2" t="s">
        <v>25</v>
      </c>
      <c r="B9" s="7" t="s">
        <v>26</v>
      </c>
      <c r="C9" s="16">
        <v>10</v>
      </c>
      <c r="D9" s="16">
        <v>120</v>
      </c>
      <c r="E9" s="17">
        <v>3282</v>
      </c>
      <c r="F9" s="18">
        <v>511</v>
      </c>
      <c r="G9" s="18">
        <v>488</v>
      </c>
      <c r="H9" s="18">
        <v>583</v>
      </c>
      <c r="I9" s="18">
        <v>522</v>
      </c>
      <c r="J9" s="18">
        <v>601</v>
      </c>
      <c r="K9" s="19">
        <v>577</v>
      </c>
      <c r="L9" s="16">
        <v>176</v>
      </c>
      <c r="M9" s="20">
        <v>38</v>
      </c>
    </row>
    <row r="10" spans="1:13" ht="20.100000000000001" customHeight="1" x14ac:dyDescent="0.2">
      <c r="A10" s="2" t="s">
        <v>27</v>
      </c>
      <c r="B10" s="7" t="s">
        <v>28</v>
      </c>
      <c r="C10" s="16">
        <v>10</v>
      </c>
      <c r="D10" s="16">
        <v>120</v>
      </c>
      <c r="E10" s="17">
        <v>3268</v>
      </c>
      <c r="F10" s="18">
        <v>549</v>
      </c>
      <c r="G10" s="18">
        <v>511</v>
      </c>
      <c r="H10" s="18">
        <v>481</v>
      </c>
      <c r="I10" s="18">
        <v>590</v>
      </c>
      <c r="J10" s="18">
        <v>528</v>
      </c>
      <c r="K10" s="19">
        <v>609</v>
      </c>
      <c r="L10" s="16">
        <v>179</v>
      </c>
      <c r="M10" s="20">
        <v>39</v>
      </c>
    </row>
    <row r="11" spans="1:13" ht="20.100000000000001" customHeight="1" x14ac:dyDescent="0.2">
      <c r="A11" s="2" t="s">
        <v>29</v>
      </c>
      <c r="B11" s="7" t="s">
        <v>30</v>
      </c>
      <c r="C11" s="16">
        <v>10</v>
      </c>
      <c r="D11" s="16">
        <v>120</v>
      </c>
      <c r="E11" s="17">
        <v>3222</v>
      </c>
      <c r="F11" s="18">
        <v>512</v>
      </c>
      <c r="G11" s="18">
        <v>561</v>
      </c>
      <c r="H11" s="18">
        <v>527</v>
      </c>
      <c r="I11" s="18">
        <v>496</v>
      </c>
      <c r="J11" s="18">
        <v>591</v>
      </c>
      <c r="K11" s="19">
        <v>535</v>
      </c>
      <c r="L11" s="16">
        <v>178</v>
      </c>
      <c r="M11" s="20">
        <v>39</v>
      </c>
    </row>
    <row r="12" spans="1:13" ht="20.100000000000001" customHeight="1" x14ac:dyDescent="0.2">
      <c r="A12" s="2" t="s">
        <v>31</v>
      </c>
      <c r="B12" s="7" t="s">
        <v>32</v>
      </c>
      <c r="C12" s="16">
        <v>14</v>
      </c>
      <c r="D12" s="16">
        <v>141</v>
      </c>
      <c r="E12" s="17">
        <v>3407</v>
      </c>
      <c r="F12" s="18">
        <v>529</v>
      </c>
      <c r="G12" s="18">
        <v>559</v>
      </c>
      <c r="H12" s="18">
        <v>594</v>
      </c>
      <c r="I12" s="18">
        <v>570</v>
      </c>
      <c r="J12" s="18">
        <v>532</v>
      </c>
      <c r="K12" s="19">
        <v>623</v>
      </c>
      <c r="L12" s="16">
        <v>220</v>
      </c>
      <c r="M12" s="20">
        <v>48</v>
      </c>
    </row>
    <row r="13" spans="1:13" ht="20.100000000000001" customHeight="1" x14ac:dyDescent="0.2">
      <c r="A13" s="2" t="s">
        <v>33</v>
      </c>
      <c r="B13" s="7" t="s">
        <v>34</v>
      </c>
      <c r="C13" s="16">
        <v>14</v>
      </c>
      <c r="D13" s="16">
        <v>144</v>
      </c>
      <c r="E13" s="17">
        <v>3360</v>
      </c>
      <c r="F13" s="18">
        <v>575</v>
      </c>
      <c r="G13" s="18">
        <v>527</v>
      </c>
      <c r="H13" s="18">
        <v>566</v>
      </c>
      <c r="I13" s="18">
        <v>600</v>
      </c>
      <c r="J13" s="18">
        <v>555</v>
      </c>
      <c r="K13" s="19">
        <v>537</v>
      </c>
      <c r="L13" s="16">
        <v>224</v>
      </c>
      <c r="M13" s="20">
        <v>49</v>
      </c>
    </row>
    <row r="14" spans="1:13" ht="20.100000000000001" customHeight="1" x14ac:dyDescent="0.2">
      <c r="A14" s="2" t="s">
        <v>35</v>
      </c>
      <c r="B14" s="7" t="s">
        <v>36</v>
      </c>
      <c r="C14" s="16">
        <v>14</v>
      </c>
      <c r="D14" s="16">
        <v>146</v>
      </c>
      <c r="E14" s="17">
        <v>3391</v>
      </c>
      <c r="F14" s="18">
        <v>578</v>
      </c>
      <c r="G14" s="18">
        <v>574</v>
      </c>
      <c r="H14" s="18">
        <v>520</v>
      </c>
      <c r="I14" s="18">
        <v>567</v>
      </c>
      <c r="J14" s="18">
        <v>597</v>
      </c>
      <c r="K14" s="19">
        <v>555</v>
      </c>
      <c r="L14" s="16">
        <v>226</v>
      </c>
      <c r="M14" s="20">
        <v>49</v>
      </c>
    </row>
    <row r="15" spans="1:13" ht="20.100000000000001" customHeight="1" x14ac:dyDescent="0.2">
      <c r="A15" s="2" t="s">
        <v>37</v>
      </c>
      <c r="B15" s="7" t="s">
        <v>38</v>
      </c>
      <c r="C15" s="16">
        <v>14</v>
      </c>
      <c r="D15" s="16">
        <v>148</v>
      </c>
      <c r="E15" s="17">
        <v>3375</v>
      </c>
      <c r="F15" s="18">
        <v>526</v>
      </c>
      <c r="G15" s="18">
        <v>579</v>
      </c>
      <c r="H15" s="18">
        <v>584</v>
      </c>
      <c r="I15" s="18">
        <v>516</v>
      </c>
      <c r="J15" s="18">
        <v>575</v>
      </c>
      <c r="K15" s="19">
        <v>595</v>
      </c>
      <c r="L15" s="16">
        <v>230</v>
      </c>
      <c r="M15" s="20">
        <v>49</v>
      </c>
    </row>
    <row r="16" spans="1:13" ht="20.100000000000001" customHeight="1" x14ac:dyDescent="0.2">
      <c r="A16" s="2" t="s">
        <v>39</v>
      </c>
      <c r="B16" s="7" t="s">
        <v>40</v>
      </c>
      <c r="C16" s="16">
        <v>13</v>
      </c>
      <c r="D16" s="16">
        <v>151</v>
      </c>
      <c r="E16" s="17">
        <v>3395</v>
      </c>
      <c r="F16" s="18">
        <v>592</v>
      </c>
      <c r="G16" s="18">
        <v>535</v>
      </c>
      <c r="H16" s="18">
        <v>569</v>
      </c>
      <c r="I16" s="18">
        <v>597</v>
      </c>
      <c r="J16" s="18">
        <v>517</v>
      </c>
      <c r="K16" s="19">
        <v>585</v>
      </c>
      <c r="L16" s="16">
        <v>237</v>
      </c>
      <c r="M16" s="20">
        <v>47</v>
      </c>
    </row>
    <row r="17" spans="1:13" ht="20.100000000000001" customHeight="1" x14ac:dyDescent="0.2">
      <c r="A17" s="2" t="s">
        <v>41</v>
      </c>
      <c r="B17" s="7" t="s">
        <v>42</v>
      </c>
      <c r="C17" s="16">
        <v>13</v>
      </c>
      <c r="D17" s="16">
        <v>157</v>
      </c>
      <c r="E17" s="17">
        <v>3447</v>
      </c>
      <c r="F17" s="18">
        <v>632</v>
      </c>
      <c r="G17" s="18">
        <v>587</v>
      </c>
      <c r="H17" s="18">
        <v>536</v>
      </c>
      <c r="I17" s="18">
        <v>575</v>
      </c>
      <c r="J17" s="18">
        <v>600</v>
      </c>
      <c r="K17" s="19">
        <v>517</v>
      </c>
      <c r="L17" s="16">
        <v>243</v>
      </c>
      <c r="M17" s="20">
        <v>50</v>
      </c>
    </row>
    <row r="18" spans="1:13" ht="20.100000000000001" customHeight="1" x14ac:dyDescent="0.2">
      <c r="A18" s="2" t="s">
        <v>43</v>
      </c>
      <c r="B18" s="7" t="s">
        <v>44</v>
      </c>
      <c r="C18" s="16">
        <v>13</v>
      </c>
      <c r="D18" s="16">
        <v>162</v>
      </c>
      <c r="E18" s="17">
        <v>3502</v>
      </c>
      <c r="F18" s="18">
        <v>563</v>
      </c>
      <c r="G18" s="18">
        <v>632</v>
      </c>
      <c r="H18" s="18">
        <v>585</v>
      </c>
      <c r="I18" s="18">
        <v>540</v>
      </c>
      <c r="J18" s="18">
        <v>581</v>
      </c>
      <c r="K18" s="19">
        <v>601</v>
      </c>
      <c r="L18" s="16">
        <v>257</v>
      </c>
      <c r="M18" s="20">
        <v>54</v>
      </c>
    </row>
    <row r="19" spans="1:13" ht="20.100000000000001" customHeight="1" x14ac:dyDescent="0.2">
      <c r="A19" s="2" t="s">
        <v>45</v>
      </c>
      <c r="B19" s="7" t="s">
        <v>46</v>
      </c>
      <c r="C19" s="16">
        <v>13</v>
      </c>
      <c r="D19" s="16">
        <v>167</v>
      </c>
      <c r="E19" s="17">
        <v>3472</v>
      </c>
      <c r="F19" s="18">
        <v>561</v>
      </c>
      <c r="G19" s="18">
        <v>562</v>
      </c>
      <c r="H19" s="18">
        <v>637</v>
      </c>
      <c r="I19" s="18">
        <v>590</v>
      </c>
      <c r="J19" s="18">
        <v>541</v>
      </c>
      <c r="K19" s="19">
        <v>581</v>
      </c>
      <c r="L19" s="16">
        <v>265</v>
      </c>
      <c r="M19" s="20">
        <v>54</v>
      </c>
    </row>
    <row r="20" spans="1:13" ht="20.100000000000001" customHeight="1" x14ac:dyDescent="0.2">
      <c r="A20" s="2" t="s">
        <v>47</v>
      </c>
      <c r="B20" s="7" t="s">
        <v>48</v>
      </c>
      <c r="C20" s="16">
        <v>13</v>
      </c>
      <c r="D20" s="16">
        <v>163</v>
      </c>
      <c r="E20" s="17">
        <v>3409</v>
      </c>
      <c r="F20" s="18">
        <v>537</v>
      </c>
      <c r="G20" s="18">
        <v>549</v>
      </c>
      <c r="H20" s="18">
        <v>557</v>
      </c>
      <c r="I20" s="18">
        <v>634</v>
      </c>
      <c r="J20" s="18">
        <v>590</v>
      </c>
      <c r="K20" s="19">
        <v>542</v>
      </c>
      <c r="L20" s="16">
        <v>255</v>
      </c>
      <c r="M20" s="21">
        <v>54</v>
      </c>
    </row>
    <row r="21" spans="1:13" ht="20.100000000000001" customHeight="1" x14ac:dyDescent="0.2">
      <c r="A21" s="2" t="s">
        <v>49</v>
      </c>
      <c r="B21" s="7" t="s">
        <v>50</v>
      </c>
      <c r="C21" s="16">
        <v>13</v>
      </c>
      <c r="D21" s="16">
        <v>160</v>
      </c>
      <c r="E21" s="17">
        <v>3419</v>
      </c>
      <c r="F21" s="18">
        <v>556</v>
      </c>
      <c r="G21" s="18">
        <v>541</v>
      </c>
      <c r="H21" s="18">
        <v>550</v>
      </c>
      <c r="I21" s="18">
        <v>555</v>
      </c>
      <c r="J21" s="18">
        <v>628</v>
      </c>
      <c r="K21" s="19">
        <v>589</v>
      </c>
      <c r="L21" s="16">
        <v>254</v>
      </c>
      <c r="M21" s="21">
        <v>51</v>
      </c>
    </row>
    <row r="22" spans="1:13" ht="20.100000000000001" customHeight="1" x14ac:dyDescent="0.2">
      <c r="A22" s="2" t="s">
        <v>53</v>
      </c>
      <c r="B22" s="7" t="s">
        <v>54</v>
      </c>
      <c r="C22" s="16">
        <v>13</v>
      </c>
      <c r="D22" s="16">
        <v>156</v>
      </c>
      <c r="E22" s="17">
        <v>3339</v>
      </c>
      <c r="F22" s="18">
        <v>486</v>
      </c>
      <c r="G22" s="18">
        <v>567</v>
      </c>
      <c r="H22" s="18">
        <v>538</v>
      </c>
      <c r="I22" s="18">
        <v>554</v>
      </c>
      <c r="J22" s="18">
        <v>563</v>
      </c>
      <c r="K22" s="19">
        <v>631</v>
      </c>
      <c r="L22" s="16">
        <v>248</v>
      </c>
      <c r="M22" s="21">
        <v>53</v>
      </c>
    </row>
    <row r="23" spans="1:13" ht="20.100000000000001" customHeight="1" x14ac:dyDescent="0.2">
      <c r="A23" s="2" t="s">
        <v>56</v>
      </c>
      <c r="B23" s="7" t="s">
        <v>55</v>
      </c>
      <c r="C23" s="16">
        <v>13</v>
      </c>
      <c r="D23" s="16">
        <v>152</v>
      </c>
      <c r="E23" s="17">
        <v>3201</v>
      </c>
      <c r="F23" s="18">
        <v>482</v>
      </c>
      <c r="G23" s="18">
        <v>491</v>
      </c>
      <c r="H23" s="18">
        <v>571</v>
      </c>
      <c r="I23" s="18">
        <v>541</v>
      </c>
      <c r="J23" s="18">
        <v>555</v>
      </c>
      <c r="K23" s="19">
        <v>561</v>
      </c>
      <c r="L23" s="16">
        <v>247</v>
      </c>
      <c r="M23" s="21">
        <v>52</v>
      </c>
    </row>
    <row r="24" spans="1:13" ht="20.100000000000001" customHeight="1" x14ac:dyDescent="0.2">
      <c r="A24" s="2" t="s">
        <v>57</v>
      </c>
      <c r="B24" s="7" t="s">
        <v>58</v>
      </c>
      <c r="C24" s="16">
        <v>13</v>
      </c>
      <c r="D24" s="16">
        <v>151</v>
      </c>
      <c r="E24" s="24">
        <v>3130</v>
      </c>
      <c r="F24" s="18">
        <v>465</v>
      </c>
      <c r="G24" s="18">
        <v>485</v>
      </c>
      <c r="H24" s="18">
        <v>498</v>
      </c>
      <c r="I24" s="18">
        <v>576</v>
      </c>
      <c r="J24" s="18">
        <v>546</v>
      </c>
      <c r="K24" s="19">
        <v>560</v>
      </c>
      <c r="L24" s="16">
        <v>243</v>
      </c>
      <c r="M24" s="21">
        <v>54</v>
      </c>
    </row>
    <row r="25" spans="1:13" ht="20.100000000000001" customHeight="1" x14ac:dyDescent="0.2">
      <c r="A25" s="2" t="s">
        <v>59</v>
      </c>
      <c r="B25" s="7" t="s">
        <v>60</v>
      </c>
      <c r="C25" s="16">
        <v>12</v>
      </c>
      <c r="D25" s="16">
        <v>140</v>
      </c>
      <c r="E25" s="24">
        <v>3045</v>
      </c>
      <c r="F25" s="18">
        <v>472</v>
      </c>
      <c r="G25" s="18">
        <v>471</v>
      </c>
      <c r="H25" s="18">
        <v>486</v>
      </c>
      <c r="I25" s="18">
        <v>499</v>
      </c>
      <c r="J25" s="18">
        <v>571</v>
      </c>
      <c r="K25" s="19">
        <v>546</v>
      </c>
      <c r="L25" s="16">
        <v>229</v>
      </c>
      <c r="M25" s="21">
        <v>51</v>
      </c>
    </row>
    <row r="26" spans="1:13" ht="20.100000000000001" customHeight="1" x14ac:dyDescent="0.2">
      <c r="A26" s="2" t="s">
        <v>61</v>
      </c>
      <c r="B26" s="7" t="s">
        <v>62</v>
      </c>
      <c r="C26" s="16">
        <v>9</v>
      </c>
      <c r="D26" s="16">
        <v>130</v>
      </c>
      <c r="E26" s="26">
        <v>2943</v>
      </c>
      <c r="F26" s="18">
        <v>441</v>
      </c>
      <c r="G26" s="18">
        <v>478</v>
      </c>
      <c r="H26" s="18">
        <v>470</v>
      </c>
      <c r="I26" s="18">
        <v>491</v>
      </c>
      <c r="J26" s="18">
        <v>491</v>
      </c>
      <c r="K26" s="27">
        <v>572</v>
      </c>
      <c r="L26" s="16">
        <v>205</v>
      </c>
      <c r="M26" s="21">
        <v>41</v>
      </c>
    </row>
    <row r="27" spans="1:13" ht="19.5" customHeight="1" x14ac:dyDescent="0.2">
      <c r="A27" s="2" t="s">
        <v>63</v>
      </c>
      <c r="B27" s="7" t="s">
        <v>64</v>
      </c>
      <c r="C27" s="16">
        <v>9</v>
      </c>
      <c r="D27" s="16">
        <v>130</v>
      </c>
      <c r="E27" s="26">
        <v>2871</v>
      </c>
      <c r="F27" s="18">
        <v>450</v>
      </c>
      <c r="G27" s="18">
        <v>454</v>
      </c>
      <c r="H27" s="18">
        <v>491</v>
      </c>
      <c r="I27" s="18">
        <v>483</v>
      </c>
      <c r="J27" s="18">
        <v>500</v>
      </c>
      <c r="K27" s="27">
        <v>493</v>
      </c>
      <c r="L27" s="16">
        <v>209</v>
      </c>
      <c r="M27" s="21">
        <v>42</v>
      </c>
    </row>
    <row r="28" spans="1:13" ht="19.5" customHeight="1" thickBot="1" x14ac:dyDescent="0.25">
      <c r="A28" s="28" t="s">
        <v>65</v>
      </c>
      <c r="B28" s="29" t="s">
        <v>66</v>
      </c>
      <c r="C28" s="22">
        <v>9</v>
      </c>
      <c r="D28" s="22">
        <v>132</v>
      </c>
      <c r="E28" s="30">
        <v>2900</v>
      </c>
      <c r="F28" s="23">
        <v>498</v>
      </c>
      <c r="G28" s="23">
        <v>459</v>
      </c>
      <c r="H28" s="23">
        <v>460</v>
      </c>
      <c r="I28" s="23">
        <v>494</v>
      </c>
      <c r="J28" s="23">
        <v>483</v>
      </c>
      <c r="K28" s="25">
        <v>506</v>
      </c>
      <c r="L28" s="22">
        <v>212</v>
      </c>
      <c r="M28" s="31">
        <v>40</v>
      </c>
    </row>
    <row r="29" spans="1:13" ht="19.5" customHeight="1" x14ac:dyDescent="0.2"/>
    <row r="30" spans="1:13" ht="19.5" customHeight="1" x14ac:dyDescent="0.2"/>
    <row r="31" spans="1:13" ht="19.5" customHeight="1" x14ac:dyDescent="0.2"/>
  </sheetData>
  <mergeCells count="6">
    <mergeCell ref="M1:M2"/>
    <mergeCell ref="A1:B1"/>
    <mergeCell ref="L1:L2"/>
    <mergeCell ref="C1:C2"/>
    <mergeCell ref="D1:D2"/>
    <mergeCell ref="E1:K1"/>
  </mergeCells>
  <phoneticPr fontId="2"/>
  <pageMargins left="0.86614173228346458" right="0.27559055118110237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－３　小学校&amp;R資料：学校基本調査、北海道統計書
（各年５月１日現在）</oddHeader>
    <oddFooter>&amp;L平成１８年からは合併後の数値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85AB94B-4D37-4C0A-B7C5-DE229C739E62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3 小学校</vt:lpstr>
      <vt:lpstr>'1-3 小学校'!Print_Area</vt:lpstr>
      <vt:lpstr>'1-3 小学校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18T07:40:09Z</cp:lastPrinted>
  <dcterms:created xsi:type="dcterms:W3CDTF">1998-06-30T04:47:35Z</dcterms:created>
  <dcterms:modified xsi:type="dcterms:W3CDTF">2023-09-04T05:42:32Z</dcterms:modified>
</cp:coreProperties>
</file>